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4D4A8A82-557F-47D1-B77F-C89616F5A0FB}" xr6:coauthVersionLast="47" xr6:coauthVersionMax="47" xr10:uidLastSave="{00000000-0000-0000-0000-000000000000}"/>
  <bookViews>
    <workbookView xWindow="-120" yWindow="-120" windowWidth="20730" windowHeight="11160" xr2:uid="{4DBECAE4-BA13-43C0-9A05-4D39642B2018}"/>
  </bookViews>
  <sheets>
    <sheet name="別紙36-2" sheetId="2" r:id="rId1"/>
    <sheet name="Sheet1" sheetId="1" r:id="rId2"/>
  </sheets>
  <externalReferences>
    <externalReference r:id="rId3"/>
    <externalReference r:id="rId4"/>
    <externalReference r:id="rId5"/>
    <externalReference r:id="rId6"/>
  </externalReferences>
  <definedNames>
    <definedName name="ｋ" localSheetId="0">#REF!</definedName>
    <definedName name="ｋ">#N/A</definedName>
    <definedName name="_xlnm.Print_Area" localSheetId="0">'別紙36-2'!$A$1:$Z$42</definedName>
    <definedName name="サービス種別">[2]サービス種類一覧!$B$4:$B$20</definedName>
    <definedName name="サービス種類">[3]サービス種類一覧!$C$4:$C$20</definedName>
    <definedName name="サービス名" localSheetId="0">#REF!</definedName>
    <definedName name="サービス名">#N/A</definedName>
    <definedName name="サービス名称" localSheetId="0">#REF!</definedName>
    <definedName name="サービス名称">#N/A</definedName>
    <definedName name="だだ" localSheetId="0">#REF!</definedName>
    <definedName name="だだ">#N/A</definedName>
    <definedName name="っっｋ" localSheetId="0">#REF!</definedName>
    <definedName name="っっｋ">#N/A</definedName>
    <definedName name="っっっっｌ" localSheetId="0">#REF!</definedName>
    <definedName name="っっっっｌ">#N/A</definedName>
    <definedName name="確認" localSheetId="0">#REF!</definedName>
    <definedName name="確認">#N/A</definedName>
    <definedName name="種類">[4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8" uniqueCount="47">
  <si>
    <t>（別紙36－2）</t>
    <phoneticPr fontId="4"/>
  </si>
  <si>
    <t>令和</t>
    <rPh sb="0" eb="2">
      <t>レイワ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ニチ</t>
    </rPh>
    <phoneticPr fontId="4"/>
  </si>
  <si>
    <t>特定事業所加算(A)に係る届出書（居宅介護支援事業所）</t>
    <rPh sb="0" eb="2">
      <t>トクテイ</t>
    </rPh>
    <rPh sb="2" eb="5">
      <t>ジギョウショ</t>
    </rPh>
    <rPh sb="5" eb="7">
      <t>カサン</t>
    </rPh>
    <rPh sb="11" eb="12">
      <t>カカ</t>
    </rPh>
    <rPh sb="13" eb="16">
      <t>トドケデショ</t>
    </rPh>
    <rPh sb="17" eb="19">
      <t>キョタク</t>
    </rPh>
    <rPh sb="19" eb="21">
      <t>カイゴ</t>
    </rPh>
    <rPh sb="21" eb="23">
      <t>シエン</t>
    </rPh>
    <rPh sb="23" eb="26">
      <t>ジギョウショ</t>
    </rPh>
    <phoneticPr fontId="4"/>
  </si>
  <si>
    <t>事　  業 　 所　  名</t>
    <phoneticPr fontId="4"/>
  </si>
  <si>
    <t>連 携 先 事 業 所 名</t>
    <rPh sb="0" eb="1">
      <t>レン</t>
    </rPh>
    <rPh sb="2" eb="3">
      <t>ケイ</t>
    </rPh>
    <rPh sb="4" eb="5">
      <t>サキ</t>
    </rPh>
    <rPh sb="6" eb="7">
      <t>コト</t>
    </rPh>
    <rPh sb="8" eb="9">
      <t>ゴウ</t>
    </rPh>
    <rPh sb="10" eb="11">
      <t>ショ</t>
    </rPh>
    <rPh sb="12" eb="13">
      <t>メイ</t>
    </rPh>
    <phoneticPr fontId="4"/>
  </si>
  <si>
    <t>異　動　等　区　分</t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 xml:space="preserve"> 特定事業所加算(A)に係る届出内容</t>
    <rPh sb="1" eb="3">
      <t>トクテイ</t>
    </rPh>
    <rPh sb="3" eb="6">
      <t>ジギョウショ</t>
    </rPh>
    <rPh sb="6" eb="8">
      <t>カサン</t>
    </rPh>
    <rPh sb="12" eb="13">
      <t>カカ</t>
    </rPh>
    <rPh sb="14" eb="16">
      <t>トドケデ</t>
    </rPh>
    <rPh sb="16" eb="18">
      <t>ナイヨウ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(1)  　常勤かつ専従の主任介護支援専門員を配置している。</t>
    <rPh sb="6" eb="8">
      <t>ジョウキン</t>
    </rPh>
    <rPh sb="13" eb="15">
      <t>シュニン</t>
    </rPh>
    <rPh sb="15" eb="17">
      <t>カイゴ</t>
    </rPh>
    <rPh sb="17" eb="19">
      <t>シエン</t>
    </rPh>
    <rPh sb="19" eb="22">
      <t>センモンイン</t>
    </rPh>
    <rPh sb="23" eb="25">
      <t>ハイチ</t>
    </rPh>
    <phoneticPr fontId="4"/>
  </si>
  <si>
    <t>(2)  　介護支援専門員の配置状況</t>
    <phoneticPr fontId="4"/>
  </si>
  <si>
    <t xml:space="preserve"> </t>
    <phoneticPr fontId="4"/>
  </si>
  <si>
    <t>介護支援専門員</t>
    <rPh sb="0" eb="2">
      <t>カイゴ</t>
    </rPh>
    <rPh sb="2" eb="4">
      <t>シエン</t>
    </rPh>
    <rPh sb="4" eb="7">
      <t>センモンイン</t>
    </rPh>
    <phoneticPr fontId="4"/>
  </si>
  <si>
    <t>　常勤専従</t>
    <rPh sb="1" eb="3">
      <t>ジョウキン</t>
    </rPh>
    <rPh sb="3" eb="5">
      <t>センジュウ</t>
    </rPh>
    <phoneticPr fontId="4"/>
  </si>
  <si>
    <t>人</t>
    <rPh sb="0" eb="1">
      <t>ニン</t>
    </rPh>
    <phoneticPr fontId="4"/>
  </si>
  <si>
    <t>　非常勤</t>
    <rPh sb="1" eb="4">
      <t>ヒジョウキン</t>
    </rPh>
    <phoneticPr fontId="4"/>
  </si>
  <si>
    <t>(3)  　利用者に関する情報又はサービス提供に当たっての留意事項に係る</t>
    <rPh sb="6" eb="9">
      <t>リヨウシャ</t>
    </rPh>
    <rPh sb="10" eb="11">
      <t>カン</t>
    </rPh>
    <rPh sb="13" eb="15">
      <t>ジョウホウ</t>
    </rPh>
    <rPh sb="15" eb="16">
      <t>マタ</t>
    </rPh>
    <rPh sb="21" eb="23">
      <t>テイキョウ</t>
    </rPh>
    <rPh sb="29" eb="31">
      <t>リュウイ</t>
    </rPh>
    <rPh sb="31" eb="33">
      <t>ジコウ</t>
    </rPh>
    <rPh sb="34" eb="35">
      <t>カカ</t>
    </rPh>
    <phoneticPr fontId="4"/>
  </si>
  <si>
    <t xml:space="preserve">         伝達等を目的とした会議を定期的に開催している。</t>
    <rPh sb="9" eb="11">
      <t>デンタツ</t>
    </rPh>
    <rPh sb="11" eb="12">
      <t>トウ</t>
    </rPh>
    <rPh sb="13" eb="15">
      <t>モクテキ</t>
    </rPh>
    <rPh sb="18" eb="20">
      <t>カイギ</t>
    </rPh>
    <rPh sb="21" eb="24">
      <t>テイキテキ</t>
    </rPh>
    <rPh sb="25" eb="27">
      <t>カイサイ</t>
    </rPh>
    <phoneticPr fontId="4"/>
  </si>
  <si>
    <t>(4)  　24時間常時連絡できる体制を整備している。（連携可）</t>
    <rPh sb="28" eb="30">
      <t>レンケイ</t>
    </rPh>
    <rPh sb="30" eb="31">
      <t>カ</t>
    </rPh>
    <phoneticPr fontId="4"/>
  </si>
  <si>
    <t xml:space="preserve">  </t>
    <phoneticPr fontId="4"/>
  </si>
  <si>
    <t>(5)　  介護支援専門員に対し、計画的に、研修を実施している。（連携可）</t>
    <rPh sb="6" eb="8">
      <t>カイゴ</t>
    </rPh>
    <rPh sb="8" eb="10">
      <t>シエン</t>
    </rPh>
    <rPh sb="10" eb="13">
      <t>センモンイン</t>
    </rPh>
    <rPh sb="14" eb="15">
      <t>タイ</t>
    </rPh>
    <rPh sb="17" eb="20">
      <t>ケイカクテキ</t>
    </rPh>
    <rPh sb="22" eb="24">
      <t>ケンシュウ</t>
    </rPh>
    <rPh sb="25" eb="27">
      <t>ジッシ</t>
    </rPh>
    <phoneticPr fontId="4"/>
  </si>
  <si>
    <t>(6)  　地域包括支援センターからの支援困難ケースが紹介された場合に、</t>
    <rPh sb="6" eb="8">
      <t>チイキ</t>
    </rPh>
    <rPh sb="8" eb="10">
      <t>ホウカツ</t>
    </rPh>
    <rPh sb="10" eb="12">
      <t>シエン</t>
    </rPh>
    <rPh sb="19" eb="21">
      <t>シエン</t>
    </rPh>
    <rPh sb="21" eb="23">
      <t>コンナン</t>
    </rPh>
    <rPh sb="27" eb="29">
      <t>ショウカイ</t>
    </rPh>
    <rPh sb="32" eb="34">
      <t>バアイ</t>
    </rPh>
    <phoneticPr fontId="4"/>
  </si>
  <si>
    <t>　      当該ケースを受託する体制を整備している。</t>
    <rPh sb="7" eb="9">
      <t>トウガイ</t>
    </rPh>
    <rPh sb="13" eb="15">
      <t>ジュタク</t>
    </rPh>
    <rPh sb="17" eb="19">
      <t>タイセイ</t>
    </rPh>
    <rPh sb="20" eb="22">
      <t>セイビ</t>
    </rPh>
    <phoneticPr fontId="4"/>
  </si>
  <si>
    <t>(7)  　家族に対する介護等を日常的に行っている児童や、障害者、生活困窮者、</t>
  </si>
  <si>
    <t>　　　難病患者等、高齢者以外の対象者への支援に関する知識等に関する</t>
  </si>
  <si>
    <t>　　　事例検討会、研修等に参加している。</t>
  </si>
  <si>
    <t>(8)  　特定事業所集中減算の適用の有無</t>
  </si>
  <si>
    <t>(9)  　介護支援専門員1人当たり（常勤換算方法による）の担当件数について</t>
    <rPh sb="6" eb="8">
      <t>カイゴ</t>
    </rPh>
    <rPh sb="8" eb="10">
      <t>シエン</t>
    </rPh>
    <rPh sb="10" eb="13">
      <t>センモンイン</t>
    </rPh>
    <rPh sb="14" eb="15">
      <t>ニン</t>
    </rPh>
    <rPh sb="15" eb="16">
      <t>ア</t>
    </rPh>
    <rPh sb="19" eb="21">
      <t>ジョウキン</t>
    </rPh>
    <rPh sb="21" eb="23">
      <t>カンサン</t>
    </rPh>
    <rPh sb="23" eb="25">
      <t>ホウホウ</t>
    </rPh>
    <rPh sb="30" eb="32">
      <t>タントウ</t>
    </rPh>
    <rPh sb="32" eb="34">
      <t>ケンスウ</t>
    </rPh>
    <phoneticPr fontId="4"/>
  </si>
  <si>
    <t>　①居宅介護支援費(Ⅰ)を算定している場合　45件以上の有無</t>
  </si>
  <si>
    <t>　②居宅介護支援費(Ⅱ)を算定している場合　50件以上の有無</t>
  </si>
  <si>
    <t>(10)　介護支援専門員実務研修における科目「ケアマネジメントの</t>
    <phoneticPr fontId="4"/>
  </si>
  <si>
    <t>　　　基礎技術に関する実習」等に協力又は協力体制の確保の有無（連携可）</t>
    <phoneticPr fontId="4"/>
  </si>
  <si>
    <t>(11)　他の法人が運営する指定居宅介護支援事業者と共同で</t>
    <rPh sb="5" eb="6">
      <t>タ</t>
    </rPh>
    <rPh sb="7" eb="9">
      <t>ホウジン</t>
    </rPh>
    <rPh sb="10" eb="12">
      <t>ウンエイ</t>
    </rPh>
    <rPh sb="14" eb="16">
      <t>シテイ</t>
    </rPh>
    <rPh sb="16" eb="18">
      <t>キョタク</t>
    </rPh>
    <rPh sb="18" eb="20">
      <t>カイゴ</t>
    </rPh>
    <rPh sb="20" eb="22">
      <t>シエン</t>
    </rPh>
    <rPh sb="22" eb="25">
      <t>ジギョウシャ</t>
    </rPh>
    <rPh sb="26" eb="28">
      <t>キョウドウ</t>
    </rPh>
    <phoneticPr fontId="4"/>
  </si>
  <si>
    <t>　　　事例検討会、研修会等を実施している。（連携可）</t>
    <phoneticPr fontId="4"/>
  </si>
  <si>
    <t>(12)　必要に応じて、多様な主体により提供される利用者の日常生活全般を</t>
    <rPh sb="5" eb="7">
      <t>ヒツヨウ</t>
    </rPh>
    <rPh sb="8" eb="9">
      <t>オウ</t>
    </rPh>
    <rPh sb="12" eb="14">
      <t>タヨウ</t>
    </rPh>
    <rPh sb="15" eb="17">
      <t>シュタイ</t>
    </rPh>
    <rPh sb="20" eb="22">
      <t>テイキョウ</t>
    </rPh>
    <rPh sb="25" eb="28">
      <t>リヨウシャ</t>
    </rPh>
    <rPh sb="29" eb="31">
      <t>ニチジョウ</t>
    </rPh>
    <rPh sb="31" eb="33">
      <t>セイカツ</t>
    </rPh>
    <rPh sb="33" eb="35">
      <t>ゼンパン</t>
    </rPh>
    <phoneticPr fontId="4"/>
  </si>
  <si>
    <t>　　　支援するサービスが包括的に提供されるような居宅サービス計画を</t>
    <rPh sb="3" eb="5">
      <t>シエン</t>
    </rPh>
    <rPh sb="12" eb="15">
      <t>ホウカツテキ</t>
    </rPh>
    <rPh sb="16" eb="18">
      <t>テイキョウ</t>
    </rPh>
    <rPh sb="24" eb="26">
      <t>キョタク</t>
    </rPh>
    <rPh sb="30" eb="32">
      <t>ケイカク</t>
    </rPh>
    <phoneticPr fontId="4"/>
  </si>
  <si>
    <t>　　　作成している</t>
    <rPh sb="3" eb="5">
      <t>サクセイ</t>
    </rPh>
    <phoneticPr fontId="4"/>
  </si>
  <si>
    <t>※　各要件を満たす場合については、それぞれ根拠となる（要件を満たすことがわかる）書類も</t>
    <rPh sb="2" eb="3">
      <t>カク</t>
    </rPh>
    <rPh sb="3" eb="5">
      <t>ヨウケン</t>
    </rPh>
    <rPh sb="6" eb="7">
      <t>ミ</t>
    </rPh>
    <rPh sb="9" eb="11">
      <t>バアイ</t>
    </rPh>
    <rPh sb="21" eb="23">
      <t>コンキョ</t>
    </rPh>
    <rPh sb="27" eb="29">
      <t>ヨウケン</t>
    </rPh>
    <rPh sb="30" eb="31">
      <t>ミ</t>
    </rPh>
    <rPh sb="40" eb="42">
      <t>ショルイ</t>
    </rPh>
    <phoneticPr fontId="4"/>
  </si>
  <si>
    <t>　提出してください。</t>
    <rPh sb="1" eb="3">
      <t>テイシュ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33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horizontal="center" vertical="center" wrapText="1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2" xfId="1" applyFont="1" applyBorder="1" applyAlignment="1">
      <alignment vertical="center"/>
    </xf>
    <xf numFmtId="0" fontId="2" fillId="0" borderId="1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vertical="center"/>
    </xf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5" fillId="0" borderId="0" xfId="1" applyFont="1" applyAlignment="1">
      <alignment horizontal="center" vertical="center"/>
    </xf>
    <xf numFmtId="0" fontId="2" fillId="0" borderId="9" xfId="1" applyFont="1" applyBorder="1" applyAlignment="1">
      <alignment horizontal="left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0" xfId="1" applyFont="1" applyAlignment="1">
      <alignment vertical="center"/>
    </xf>
    <xf numFmtId="0" fontId="2" fillId="0" borderId="1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10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0" xfId="1" applyFont="1" applyBorder="1" applyAlignment="1">
      <alignment vertical="center"/>
    </xf>
    <xf numFmtId="0" fontId="2" fillId="0" borderId="11" xfId="1" applyFont="1" applyBorder="1" applyAlignment="1">
      <alignment vertical="center"/>
    </xf>
    <xf numFmtId="0" fontId="2" fillId="0" borderId="12" xfId="1" applyFont="1" applyBorder="1" applyAlignment="1">
      <alignment vertical="center"/>
    </xf>
  </cellXfs>
  <cellStyles count="2">
    <cellStyle name="標準" xfId="0" builtinId="0"/>
    <cellStyle name="標準 2" xfId="1" xr:uid="{B1D9535D-7792-4FAE-8EBF-615C7C1072B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externalLink" Target="externalLinks/externalLink1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001231097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１－１"/>
      <sheetName val="備考（1）"/>
      <sheetName val="別紙１－２"/>
      <sheetName val="備考（1－2）"/>
      <sheetName val="別紙１－３"/>
      <sheetName val="備考（1－3）"/>
      <sheetName val="別紙１－4"/>
      <sheetName val="別紙２"/>
      <sheetName val="別紙３"/>
      <sheetName val="別紙3－2"/>
      <sheetName val="別紙４"/>
      <sheetName val="別紙５"/>
      <sheetName val="別紙5－2"/>
      <sheetName val="別紙６"/>
      <sheetName val="別紙７"/>
      <sheetName val="別紙７－２"/>
      <sheetName val="別紙７－３"/>
      <sheetName val="別紙８"/>
      <sheetName val="別紙９"/>
      <sheetName val="別紙9－2"/>
      <sheetName val="別紙9－3"/>
      <sheetName val="別紙10"/>
      <sheetName val="別紙11"/>
      <sheetName val="別紙12"/>
      <sheetName val="別紙13"/>
      <sheetName val="別紙14"/>
      <sheetName val="別紙14－2"/>
      <sheetName val="別紙14－3"/>
      <sheetName val="別紙14－4"/>
      <sheetName val="別紙14－5"/>
      <sheetName val="別紙14－6"/>
      <sheetName val="別紙14－7"/>
      <sheetName val="別紙15"/>
      <sheetName val="別紙16"/>
      <sheetName val="別紙17"/>
      <sheetName val="別紙18"/>
      <sheetName val="別紙19"/>
      <sheetName val="別紙20"/>
      <sheetName val="別紙21"/>
      <sheetName val="別紙22"/>
      <sheetName val="別紙22－2"/>
      <sheetName val="別紙23"/>
      <sheetName val="別紙23－2"/>
      <sheetName val="別紙24"/>
      <sheetName val="別紙25"/>
      <sheetName val="別紙25－2"/>
      <sheetName val="別紙26"/>
      <sheetName val="別紙27"/>
      <sheetName val="別紙28"/>
      <sheetName val="別紙29"/>
      <sheetName val="別紙29－2"/>
      <sheetName val="別紙29－3"/>
      <sheetName val="別紙29－4"/>
      <sheetName val="別紙30"/>
      <sheetName val="別紙30－2"/>
      <sheetName val="別紙31"/>
      <sheetName val="別紙32"/>
      <sheetName val="別紙32－2"/>
      <sheetName val="別紙33"/>
      <sheetName val="別紙34"/>
      <sheetName val="別紙34－2"/>
      <sheetName val="別紙35"/>
      <sheetName val="別紙36"/>
      <sheetName val="別紙36-2"/>
      <sheetName val="別紙37"/>
      <sheetName val="別紙37－2"/>
      <sheetName val="別紙38"/>
      <sheetName val="別紙39"/>
      <sheetName val="別紙40"/>
      <sheetName val="別紙41"/>
      <sheetName val="別紙42"/>
      <sheetName val="別紙43"/>
      <sheetName val="別紙44"/>
      <sheetName val="別紙45"/>
      <sheetName val="別紙46"/>
      <sheetName val="別紙47"/>
      <sheetName val="別紙48"/>
      <sheetName val="別紙48－2"/>
      <sheetName val="別紙49"/>
      <sheetName val="別紙50"/>
      <sheetName val="別紙51 "/>
      <sheetName val="別紙●2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168195-7844-4C2B-BAC0-5A30943DC621}">
  <sheetPr>
    <pageSetUpPr fitToPage="1"/>
  </sheetPr>
  <dimension ref="B1:Y122"/>
  <sheetViews>
    <sheetView tabSelected="1" view="pageBreakPreview" zoomScale="80" zoomScaleNormal="100" zoomScaleSheetLayoutView="80" workbookViewId="0">
      <selection activeCell="F61" sqref="F61"/>
    </sheetView>
  </sheetViews>
  <sheetFormatPr defaultColWidth="4" defaultRowHeight="13.5" x14ac:dyDescent="0.4"/>
  <cols>
    <col min="1" max="1" width="2.125" style="1" customWidth="1"/>
    <col min="2" max="2" width="1.625" style="1" customWidth="1"/>
    <col min="3" max="19" width="3.875" style="1" customWidth="1"/>
    <col min="20" max="20" width="7.75" style="1" customWidth="1"/>
    <col min="21" max="25" width="3.25" style="1" customWidth="1"/>
    <col min="26" max="26" width="2.125" style="1" customWidth="1"/>
    <col min="27" max="16384" width="4" style="1"/>
  </cols>
  <sheetData>
    <row r="1" spans="2:25" ht="6.75" customHeight="1" x14ac:dyDescent="0.4"/>
    <row r="2" spans="2:25" x14ac:dyDescent="0.4">
      <c r="B2" s="1" t="s">
        <v>0</v>
      </c>
    </row>
    <row r="3" spans="2:25" ht="15.75" customHeight="1" x14ac:dyDescent="0.4">
      <c r="P3" s="2" t="s">
        <v>1</v>
      </c>
      <c r="Q3" s="3"/>
      <c r="R3" s="3"/>
      <c r="S3" s="4" t="s">
        <v>2</v>
      </c>
      <c r="T3" s="3"/>
      <c r="U3" s="3"/>
      <c r="V3" s="4" t="s">
        <v>3</v>
      </c>
      <c r="W3" s="3"/>
      <c r="X3" s="3"/>
      <c r="Y3" s="4" t="s">
        <v>4</v>
      </c>
    </row>
    <row r="4" spans="2:25" ht="10.5" customHeight="1" x14ac:dyDescent="0.4"/>
    <row r="5" spans="2:25" ht="27.75" customHeight="1" x14ac:dyDescent="0.4">
      <c r="B5" s="5" t="s">
        <v>5</v>
      </c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5"/>
      <c r="Q5" s="5"/>
      <c r="R5" s="5"/>
      <c r="S5" s="5"/>
      <c r="T5" s="5"/>
      <c r="U5" s="5"/>
      <c r="V5" s="5"/>
      <c r="W5" s="5"/>
      <c r="X5" s="5"/>
      <c r="Y5" s="5"/>
    </row>
    <row r="7" spans="2:25" ht="23.25" customHeight="1" x14ac:dyDescent="0.4">
      <c r="B7" s="6" t="s">
        <v>6</v>
      </c>
      <c r="C7" s="6"/>
      <c r="D7" s="6"/>
      <c r="E7" s="6"/>
      <c r="F7" s="6"/>
      <c r="G7" s="6"/>
      <c r="H7" s="6"/>
      <c r="I7" s="6"/>
      <c r="J7" s="6"/>
      <c r="K7" s="6"/>
      <c r="L7" s="6"/>
      <c r="M7" s="6"/>
      <c r="N7" s="6"/>
      <c r="O7" s="6"/>
      <c r="P7" s="6"/>
      <c r="Q7" s="6"/>
      <c r="R7" s="6"/>
      <c r="S7" s="6"/>
      <c r="T7" s="6"/>
      <c r="U7" s="6"/>
      <c r="V7" s="6"/>
      <c r="W7" s="6"/>
      <c r="X7" s="6"/>
      <c r="Y7" s="7"/>
    </row>
    <row r="8" spans="2:25" ht="23.25" customHeight="1" x14ac:dyDescent="0.4">
      <c r="B8" s="7" t="s">
        <v>7</v>
      </c>
      <c r="C8" s="7"/>
      <c r="D8" s="7"/>
      <c r="E8" s="7"/>
      <c r="F8" s="7"/>
      <c r="G8" s="7"/>
      <c r="H8" s="7"/>
      <c r="I8" s="8"/>
      <c r="J8" s="8"/>
      <c r="K8" s="8"/>
      <c r="L8" s="8"/>
      <c r="M8" s="8"/>
      <c r="N8" s="8"/>
      <c r="O8" s="8"/>
      <c r="P8" s="8"/>
      <c r="Q8" s="8"/>
      <c r="R8" s="8"/>
      <c r="S8" s="8"/>
      <c r="T8" s="8"/>
      <c r="U8" s="8"/>
      <c r="V8" s="8"/>
      <c r="W8" s="8"/>
      <c r="X8" s="8"/>
      <c r="Y8" s="8"/>
    </row>
    <row r="9" spans="2:25" ht="23.25" customHeight="1" x14ac:dyDescent="0.4">
      <c r="B9" s="7" t="s">
        <v>8</v>
      </c>
      <c r="C9" s="7"/>
      <c r="D9" s="7"/>
      <c r="E9" s="7"/>
      <c r="F9" s="7"/>
      <c r="G9" s="7"/>
      <c r="H9" s="7"/>
      <c r="I9" s="9" t="s">
        <v>9</v>
      </c>
      <c r="J9" s="10" t="s">
        <v>10</v>
      </c>
      <c r="K9" s="10"/>
      <c r="L9" s="10"/>
      <c r="M9" s="10"/>
      <c r="N9" s="11" t="s">
        <v>9</v>
      </c>
      <c r="O9" s="10" t="s">
        <v>11</v>
      </c>
      <c r="P9" s="10"/>
      <c r="Q9" s="10"/>
      <c r="R9" s="10"/>
      <c r="S9" s="11" t="s">
        <v>9</v>
      </c>
      <c r="T9" s="10" t="s">
        <v>12</v>
      </c>
      <c r="U9" s="10"/>
      <c r="V9" s="10"/>
      <c r="W9" s="10"/>
      <c r="X9" s="10"/>
      <c r="Y9" s="12"/>
    </row>
    <row r="11" spans="2:25" ht="6" customHeight="1" x14ac:dyDescent="0.4">
      <c r="B11" s="13"/>
      <c r="C11" s="14"/>
      <c r="D11" s="14"/>
      <c r="E11" s="14"/>
      <c r="F11" s="14"/>
      <c r="G11" s="14"/>
      <c r="H11" s="14"/>
      <c r="I11" s="14"/>
      <c r="J11" s="14"/>
      <c r="K11" s="14"/>
      <c r="L11" s="14"/>
      <c r="M11" s="14"/>
      <c r="N11" s="14"/>
      <c r="O11" s="14"/>
      <c r="P11" s="14"/>
      <c r="Q11" s="14"/>
      <c r="R11" s="14"/>
      <c r="S11" s="14"/>
      <c r="T11" s="14"/>
      <c r="U11" s="13"/>
      <c r="V11" s="14"/>
      <c r="W11" s="14"/>
      <c r="X11" s="14"/>
      <c r="Y11" s="15"/>
    </row>
    <row r="12" spans="2:25" x14ac:dyDescent="0.4">
      <c r="B12" s="16" t="s">
        <v>13</v>
      </c>
      <c r="U12" s="16"/>
      <c r="V12" s="17" t="s">
        <v>14</v>
      </c>
      <c r="W12" s="17" t="s">
        <v>15</v>
      </c>
      <c r="X12" s="17" t="s">
        <v>16</v>
      </c>
      <c r="Y12" s="18"/>
    </row>
    <row r="13" spans="2:25" ht="6" customHeight="1" x14ac:dyDescent="0.4">
      <c r="B13" s="16"/>
      <c r="U13" s="16"/>
      <c r="Y13" s="18"/>
    </row>
    <row r="14" spans="2:25" ht="18" customHeight="1" x14ac:dyDescent="0.4">
      <c r="B14" s="16"/>
      <c r="C14" s="1" t="s">
        <v>17</v>
      </c>
      <c r="U14" s="19"/>
      <c r="V14" s="4" t="s">
        <v>9</v>
      </c>
      <c r="W14" s="4" t="s">
        <v>15</v>
      </c>
      <c r="X14" s="4" t="s">
        <v>9</v>
      </c>
      <c r="Y14" s="20"/>
    </row>
    <row r="15" spans="2:25" ht="18" customHeight="1" x14ac:dyDescent="0.4">
      <c r="B15" s="16"/>
      <c r="C15" s="1" t="s">
        <v>18</v>
      </c>
      <c r="U15" s="19"/>
      <c r="V15" s="21"/>
      <c r="W15" s="21"/>
      <c r="X15" s="21"/>
      <c r="Y15" s="20"/>
    </row>
    <row r="16" spans="2:25" ht="18" customHeight="1" x14ac:dyDescent="0.4">
      <c r="B16" s="16"/>
      <c r="U16" s="19"/>
      <c r="V16" s="21"/>
      <c r="W16" s="21"/>
      <c r="X16" s="21"/>
      <c r="Y16" s="20"/>
    </row>
    <row r="17" spans="2:25" ht="18" customHeight="1" x14ac:dyDescent="0.4">
      <c r="B17" s="16"/>
      <c r="C17" s="1" t="s">
        <v>19</v>
      </c>
      <c r="D17" s="6" t="s">
        <v>20</v>
      </c>
      <c r="E17" s="6"/>
      <c r="F17" s="6"/>
      <c r="G17" s="6"/>
      <c r="H17" s="6"/>
      <c r="I17" s="22" t="s">
        <v>21</v>
      </c>
      <c r="J17" s="23"/>
      <c r="K17" s="23"/>
      <c r="L17" s="24"/>
      <c r="M17" s="24"/>
      <c r="N17" s="24"/>
      <c r="O17" s="25" t="s">
        <v>22</v>
      </c>
      <c r="U17" s="26"/>
      <c r="V17" s="4"/>
      <c r="W17" s="4"/>
      <c r="X17" s="4"/>
      <c r="Y17" s="27"/>
    </row>
    <row r="18" spans="2:25" ht="18" customHeight="1" x14ac:dyDescent="0.4">
      <c r="B18" s="16"/>
      <c r="C18" s="1" t="s">
        <v>19</v>
      </c>
      <c r="D18" s="6" t="s">
        <v>20</v>
      </c>
      <c r="E18" s="6"/>
      <c r="F18" s="6"/>
      <c r="G18" s="6"/>
      <c r="H18" s="6"/>
      <c r="I18" s="22" t="s">
        <v>23</v>
      </c>
      <c r="J18" s="23"/>
      <c r="K18" s="23"/>
      <c r="L18" s="24"/>
      <c r="M18" s="24"/>
      <c r="N18" s="24"/>
      <c r="O18" s="25" t="s">
        <v>22</v>
      </c>
      <c r="U18" s="26"/>
      <c r="V18" s="4"/>
      <c r="W18" s="4"/>
      <c r="X18" s="4"/>
      <c r="Y18" s="27"/>
    </row>
    <row r="19" spans="2:25" ht="18" customHeight="1" x14ac:dyDescent="0.4">
      <c r="B19" s="16"/>
      <c r="D19" s="4"/>
      <c r="E19" s="4"/>
      <c r="F19" s="4"/>
      <c r="G19" s="4"/>
      <c r="H19" s="4"/>
      <c r="O19" s="4"/>
      <c r="U19" s="26"/>
      <c r="V19" s="4"/>
      <c r="W19" s="4"/>
      <c r="X19" s="4"/>
      <c r="Y19" s="27"/>
    </row>
    <row r="20" spans="2:25" ht="18" customHeight="1" x14ac:dyDescent="0.4">
      <c r="B20" s="16"/>
      <c r="C20" s="1" t="s">
        <v>24</v>
      </c>
      <c r="U20" s="19"/>
      <c r="V20" s="4" t="s">
        <v>9</v>
      </c>
      <c r="W20" s="4" t="s">
        <v>15</v>
      </c>
      <c r="X20" s="4" t="s">
        <v>9</v>
      </c>
      <c r="Y20" s="20"/>
    </row>
    <row r="21" spans="2:25" ht="18" customHeight="1" x14ac:dyDescent="0.4">
      <c r="B21" s="16"/>
      <c r="C21" s="1" t="s">
        <v>25</v>
      </c>
      <c r="U21" s="19"/>
      <c r="V21" s="21"/>
      <c r="W21" s="21"/>
      <c r="X21" s="21"/>
      <c r="Y21" s="20"/>
    </row>
    <row r="22" spans="2:25" ht="18" customHeight="1" x14ac:dyDescent="0.4">
      <c r="B22" s="16"/>
      <c r="C22" s="1" t="s">
        <v>26</v>
      </c>
      <c r="T22" s="1" t="s">
        <v>27</v>
      </c>
      <c r="U22" s="19"/>
      <c r="V22" s="4" t="s">
        <v>9</v>
      </c>
      <c r="W22" s="4" t="s">
        <v>15</v>
      </c>
      <c r="X22" s="4" t="s">
        <v>9</v>
      </c>
      <c r="Y22" s="20"/>
    </row>
    <row r="23" spans="2:25" ht="18" customHeight="1" x14ac:dyDescent="0.4">
      <c r="B23" s="16"/>
      <c r="C23" s="1" t="s">
        <v>28</v>
      </c>
      <c r="U23" s="19"/>
      <c r="V23" s="4" t="s">
        <v>9</v>
      </c>
      <c r="W23" s="4" t="s">
        <v>15</v>
      </c>
      <c r="X23" s="4" t="s">
        <v>9</v>
      </c>
      <c r="Y23" s="20"/>
    </row>
    <row r="24" spans="2:25" ht="18" customHeight="1" x14ac:dyDescent="0.4">
      <c r="B24" s="16"/>
      <c r="C24" s="1" t="s">
        <v>29</v>
      </c>
      <c r="U24" s="19"/>
      <c r="V24" s="4" t="s">
        <v>9</v>
      </c>
      <c r="W24" s="4" t="s">
        <v>15</v>
      </c>
      <c r="X24" s="4" t="s">
        <v>9</v>
      </c>
      <c r="Y24" s="20"/>
    </row>
    <row r="25" spans="2:25" ht="18" customHeight="1" x14ac:dyDescent="0.4">
      <c r="B25" s="16"/>
      <c r="C25" s="1" t="s">
        <v>30</v>
      </c>
      <c r="U25" s="19"/>
      <c r="V25" s="21"/>
      <c r="W25" s="21"/>
      <c r="X25" s="21"/>
      <c r="Y25" s="20"/>
    </row>
    <row r="26" spans="2:25" ht="18" customHeight="1" x14ac:dyDescent="0.4">
      <c r="B26" s="16"/>
      <c r="C26" s="1" t="s">
        <v>31</v>
      </c>
      <c r="U26" s="19"/>
      <c r="V26" s="4" t="s">
        <v>9</v>
      </c>
      <c r="W26" s="4" t="s">
        <v>15</v>
      </c>
      <c r="X26" s="4" t="s">
        <v>9</v>
      </c>
      <c r="Y26" s="20"/>
    </row>
    <row r="27" spans="2:25" ht="18" customHeight="1" x14ac:dyDescent="0.4">
      <c r="B27" s="16"/>
      <c r="C27" s="1" t="s">
        <v>32</v>
      </c>
      <c r="U27" s="19"/>
      <c r="V27" s="4"/>
      <c r="W27" s="4"/>
      <c r="X27" s="4"/>
      <c r="Y27" s="20"/>
    </row>
    <row r="28" spans="2:25" ht="18" customHeight="1" x14ac:dyDescent="0.4">
      <c r="B28" s="16"/>
      <c r="C28" s="1" t="s">
        <v>33</v>
      </c>
      <c r="U28" s="19"/>
      <c r="V28" s="4"/>
      <c r="W28" s="4"/>
      <c r="X28" s="4"/>
      <c r="Y28" s="20"/>
    </row>
    <row r="29" spans="2:25" ht="18" customHeight="1" x14ac:dyDescent="0.4">
      <c r="B29" s="16"/>
      <c r="C29" s="1" t="s">
        <v>34</v>
      </c>
      <c r="U29" s="19"/>
      <c r="V29" s="4" t="s">
        <v>9</v>
      </c>
      <c r="W29" s="4" t="s">
        <v>15</v>
      </c>
      <c r="X29" s="4" t="s">
        <v>9</v>
      </c>
      <c r="Y29" s="20"/>
    </row>
    <row r="30" spans="2:25" ht="18" customHeight="1" x14ac:dyDescent="0.4">
      <c r="B30" s="16"/>
      <c r="C30" s="1" t="s">
        <v>35</v>
      </c>
      <c r="U30" s="19"/>
      <c r="V30" s="21"/>
      <c r="W30" s="21"/>
      <c r="X30" s="21"/>
      <c r="Y30" s="20"/>
    </row>
    <row r="31" spans="2:25" ht="18" customHeight="1" x14ac:dyDescent="0.4">
      <c r="B31" s="16"/>
      <c r="D31" s="1" t="s">
        <v>36</v>
      </c>
      <c r="U31" s="19"/>
      <c r="V31" s="4" t="s">
        <v>9</v>
      </c>
      <c r="W31" s="4" t="s">
        <v>15</v>
      </c>
      <c r="X31" s="4" t="s">
        <v>9</v>
      </c>
      <c r="Y31" s="20"/>
    </row>
    <row r="32" spans="2:25" ht="18" customHeight="1" x14ac:dyDescent="0.4">
      <c r="B32" s="16"/>
      <c r="D32" s="1" t="s">
        <v>37</v>
      </c>
      <c r="U32" s="19"/>
      <c r="V32" s="4" t="s">
        <v>9</v>
      </c>
      <c r="W32" s="4" t="s">
        <v>15</v>
      </c>
      <c r="X32" s="4" t="s">
        <v>9</v>
      </c>
      <c r="Y32" s="20"/>
    </row>
    <row r="33" spans="2:25" ht="18" customHeight="1" x14ac:dyDescent="0.4">
      <c r="B33" s="16"/>
      <c r="C33" s="1" t="s">
        <v>38</v>
      </c>
      <c r="U33" s="19"/>
      <c r="V33" s="4" t="s">
        <v>9</v>
      </c>
      <c r="W33" s="4" t="s">
        <v>15</v>
      </c>
      <c r="X33" s="4" t="s">
        <v>9</v>
      </c>
      <c r="Y33" s="20"/>
    </row>
    <row r="34" spans="2:25" ht="18" customHeight="1" x14ac:dyDescent="0.4">
      <c r="B34" s="16"/>
      <c r="C34" s="1" t="s">
        <v>39</v>
      </c>
      <c r="U34" s="19"/>
      <c r="V34" s="21"/>
      <c r="W34" s="21"/>
      <c r="X34" s="21"/>
      <c r="Y34" s="20"/>
    </row>
    <row r="35" spans="2:25" ht="18" customHeight="1" x14ac:dyDescent="0.4">
      <c r="B35" s="16"/>
      <c r="C35" s="1" t="s">
        <v>40</v>
      </c>
      <c r="U35" s="19"/>
      <c r="V35" s="4" t="s">
        <v>9</v>
      </c>
      <c r="W35" s="4" t="s">
        <v>15</v>
      </c>
      <c r="X35" s="4" t="s">
        <v>9</v>
      </c>
      <c r="Y35" s="20"/>
    </row>
    <row r="36" spans="2:25" ht="18" customHeight="1" x14ac:dyDescent="0.4">
      <c r="B36" s="16"/>
      <c r="C36" s="1" t="s">
        <v>41</v>
      </c>
      <c r="U36" s="19"/>
      <c r="V36" s="21"/>
      <c r="W36" s="21"/>
      <c r="X36" s="21"/>
      <c r="Y36" s="20"/>
    </row>
    <row r="37" spans="2:25" ht="18" customHeight="1" x14ac:dyDescent="0.4">
      <c r="B37" s="16"/>
      <c r="C37" s="1" t="s">
        <v>42</v>
      </c>
      <c r="U37" s="19"/>
      <c r="V37" s="4" t="s">
        <v>9</v>
      </c>
      <c r="W37" s="4" t="s">
        <v>15</v>
      </c>
      <c r="X37" s="4" t="s">
        <v>9</v>
      </c>
      <c r="Y37" s="20"/>
    </row>
    <row r="38" spans="2:25" ht="18" customHeight="1" x14ac:dyDescent="0.4">
      <c r="B38" s="16"/>
      <c r="C38" s="1" t="s">
        <v>43</v>
      </c>
      <c r="U38" s="19"/>
      <c r="V38" s="21"/>
      <c r="W38" s="21"/>
      <c r="X38" s="21"/>
      <c r="Y38" s="20"/>
    </row>
    <row r="39" spans="2:25" ht="18" customHeight="1" x14ac:dyDescent="0.4">
      <c r="B39" s="28"/>
      <c r="C39" s="29" t="s">
        <v>44</v>
      </c>
      <c r="D39" s="29"/>
      <c r="E39" s="29"/>
      <c r="F39" s="29"/>
      <c r="G39" s="29"/>
      <c r="H39" s="29"/>
      <c r="I39" s="29"/>
      <c r="J39" s="29"/>
      <c r="K39" s="29"/>
      <c r="L39" s="29"/>
      <c r="M39" s="29"/>
      <c r="N39" s="29"/>
      <c r="O39" s="29"/>
      <c r="P39" s="29"/>
      <c r="Q39" s="29"/>
      <c r="R39" s="29"/>
      <c r="S39" s="29"/>
      <c r="T39" s="29"/>
      <c r="U39" s="30"/>
      <c r="V39" s="31"/>
      <c r="W39" s="31"/>
      <c r="X39" s="31"/>
      <c r="Y39" s="32"/>
    </row>
    <row r="40" spans="2:25" x14ac:dyDescent="0.4">
      <c r="B40" s="1" t="s">
        <v>45</v>
      </c>
    </row>
    <row r="41" spans="2:25" ht="14.25" customHeight="1" x14ac:dyDescent="0.4">
      <c r="B41" s="1" t="s">
        <v>46</v>
      </c>
    </row>
    <row r="43" spans="2:25" ht="14.25" customHeight="1" x14ac:dyDescent="0.4"/>
    <row r="121" spans="3:7" x14ac:dyDescent="0.4">
      <c r="C121" s="29"/>
      <c r="D121" s="29"/>
      <c r="E121" s="29"/>
      <c r="F121" s="29"/>
      <c r="G121" s="29"/>
    </row>
    <row r="122" spans="3:7" x14ac:dyDescent="0.4">
      <c r="C122" s="14"/>
    </row>
  </sheetData>
  <mergeCells count="13">
    <mergeCell ref="B8:H8"/>
    <mergeCell ref="I8:Y8"/>
    <mergeCell ref="B9:H9"/>
    <mergeCell ref="D17:H17"/>
    <mergeCell ref="L17:N17"/>
    <mergeCell ref="D18:H18"/>
    <mergeCell ref="L18:N18"/>
    <mergeCell ref="Q3:R3"/>
    <mergeCell ref="T3:U3"/>
    <mergeCell ref="W3:X3"/>
    <mergeCell ref="B5:Y5"/>
    <mergeCell ref="B7:H7"/>
    <mergeCell ref="I7:Y7"/>
  </mergeCells>
  <phoneticPr fontId="3"/>
  <dataValidations count="1">
    <dataValidation type="list" allowBlank="1" showInputMessage="1" showErrorMessage="1" sqref="I9 N9 S9 V14 X14 V20 X20 V22:V24 X22:X24 V26:V29 X26:X29 V31:V33 X31:X33 V35 X35 V37 X37" xr:uid="{B45FD7AF-1247-4A7B-88C9-561034FEC274}">
      <formula1>"□,■"</formula1>
    </dataValidation>
  </dataValidations>
  <pageMargins left="0.7" right="0.7" top="0.75" bottom="0.75" header="0.3" footer="0.3"/>
  <pageSetup paperSize="9" scale="8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24474F-65D0-4E00-821B-776571EA9D95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36-2</vt:lpstr>
      <vt:lpstr>Sheet1</vt:lpstr>
      <vt:lpstr>'別紙36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5:28:26Z</dcterms:created>
  <dcterms:modified xsi:type="dcterms:W3CDTF">2024-03-22T05:29:16Z</dcterms:modified>
</cp:coreProperties>
</file>